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85146A6" w14:textId="033E5581" w:rsidR="00E234D9" w:rsidRDefault="00DE77BD">
      <w:r>
        <w:t>MINUTES OF SGF COMMITTEE MEETING 1</w:t>
      </w:r>
      <w:r w:rsidR="00D87522">
        <w:t>8 JUNE</w:t>
      </w:r>
      <w:r>
        <w:t xml:space="preserve"> 2025</w:t>
      </w:r>
    </w:p>
    <w:p w14:paraId="570A6EBC" w14:textId="1CFC0487" w:rsidR="00DE77BD" w:rsidRDefault="00DE77BD" w:rsidP="00D87522">
      <w:r>
        <w:t xml:space="preserve">In attendance                                             </w:t>
      </w:r>
      <w:r w:rsidR="00D87522">
        <w:t xml:space="preserve"> No </w:t>
      </w:r>
      <w:r>
        <w:t>Apolog</w:t>
      </w:r>
      <w:r w:rsidR="00D87522">
        <w:t>ies</w:t>
      </w:r>
      <w:r>
        <w:t xml:space="preserve"> </w:t>
      </w:r>
    </w:p>
    <w:p w14:paraId="4F7C7587" w14:textId="64581E83" w:rsidR="00DE77BD" w:rsidRDefault="00DE77BD" w:rsidP="00DE77BD">
      <w:pPr>
        <w:pStyle w:val="ListParagraph"/>
        <w:numPr>
          <w:ilvl w:val="0"/>
          <w:numId w:val="1"/>
        </w:numPr>
      </w:pPr>
      <w:r>
        <w:t>Daisy Jones</w:t>
      </w:r>
    </w:p>
    <w:p w14:paraId="23977703" w14:textId="7127E32B" w:rsidR="00DE77BD" w:rsidRDefault="00DE77BD" w:rsidP="00DE77BD">
      <w:pPr>
        <w:pStyle w:val="ListParagraph"/>
        <w:numPr>
          <w:ilvl w:val="0"/>
          <w:numId w:val="1"/>
        </w:numPr>
      </w:pPr>
      <w:r>
        <w:t>Jenny Robson</w:t>
      </w:r>
    </w:p>
    <w:p w14:paraId="2242DF76" w14:textId="16781FD0" w:rsidR="00DE77BD" w:rsidRDefault="00DE77BD" w:rsidP="00DE77BD">
      <w:pPr>
        <w:pStyle w:val="ListParagraph"/>
        <w:numPr>
          <w:ilvl w:val="0"/>
          <w:numId w:val="1"/>
        </w:numPr>
      </w:pPr>
      <w:r>
        <w:t>Sarah Richardson</w:t>
      </w:r>
    </w:p>
    <w:p w14:paraId="19691CF2" w14:textId="2CBBF142" w:rsidR="00DE77BD" w:rsidRDefault="00D87522" w:rsidP="00DE77BD">
      <w:pPr>
        <w:pStyle w:val="ListParagraph"/>
        <w:numPr>
          <w:ilvl w:val="0"/>
          <w:numId w:val="1"/>
        </w:numPr>
      </w:pPr>
      <w:r>
        <w:t>Nigel Duffin</w:t>
      </w:r>
    </w:p>
    <w:p w14:paraId="1595C48F" w14:textId="338E0A0A" w:rsidR="00DE77BD" w:rsidRDefault="00DE77BD" w:rsidP="00DE77BD">
      <w:pPr>
        <w:pStyle w:val="ListParagraph"/>
        <w:numPr>
          <w:ilvl w:val="0"/>
          <w:numId w:val="1"/>
        </w:numPr>
      </w:pPr>
      <w:r>
        <w:t>Jayne Britten</w:t>
      </w:r>
    </w:p>
    <w:p w14:paraId="2EECE108" w14:textId="2A9C2988" w:rsidR="00DE77BD" w:rsidRDefault="00DE77BD" w:rsidP="00DE77BD">
      <w:pPr>
        <w:pStyle w:val="ListParagraph"/>
        <w:numPr>
          <w:ilvl w:val="0"/>
          <w:numId w:val="1"/>
        </w:numPr>
      </w:pPr>
      <w:r>
        <w:t>Val Boyle</w:t>
      </w:r>
    </w:p>
    <w:p w14:paraId="5117656F" w14:textId="26D16F67" w:rsidR="0042408E" w:rsidRDefault="00D87522" w:rsidP="00DE77BD">
      <w:r>
        <w:t>Minutes from previous meeting agreed</w:t>
      </w:r>
    </w:p>
    <w:p w14:paraId="4BAB779E" w14:textId="3CF351FB" w:rsidR="00D87522" w:rsidRPr="00D87522" w:rsidRDefault="00D87522" w:rsidP="00DE77BD">
      <w:pPr>
        <w:rPr>
          <w:b/>
          <w:bCs/>
        </w:rPr>
      </w:pPr>
      <w:r w:rsidRPr="00D87522">
        <w:rPr>
          <w:b/>
          <w:bCs/>
        </w:rPr>
        <w:t>Next Production 3 &amp; 4 Oct</w:t>
      </w:r>
    </w:p>
    <w:p w14:paraId="1C613285" w14:textId="736EC4A3" w:rsidR="00D87522" w:rsidRDefault="00D87522" w:rsidP="00DE77BD">
      <w:r>
        <w:t xml:space="preserve">Nigel updates on next production. Play has been decided and read through went well. Nigel is writing a couple of extra roles for people. Nigel is also </w:t>
      </w:r>
      <w:r w:rsidR="00321B54">
        <w:t>talking</w:t>
      </w:r>
      <w:r>
        <w:t xml:space="preserve"> to Tessa about the qui</w:t>
      </w:r>
      <w:r w:rsidR="00321B54">
        <w:t>z</w:t>
      </w:r>
      <w:r>
        <w:t xml:space="preserve"> </w:t>
      </w:r>
      <w:r w:rsidR="00321B54">
        <w:t>a</w:t>
      </w:r>
      <w:r>
        <w:t>nd relating it to teapots if possible.</w:t>
      </w:r>
    </w:p>
    <w:p w14:paraId="797C976D" w14:textId="20E75A28" w:rsidR="00D87522" w:rsidRDefault="00D87522" w:rsidP="00DE77BD">
      <w:r>
        <w:t>Catering -Daisy, Sarah and Val will look at costings</w:t>
      </w:r>
    </w:p>
    <w:p w14:paraId="667A7A2F" w14:textId="089B95A3" w:rsidR="00D87522" w:rsidRDefault="00D87522" w:rsidP="00DE77BD">
      <w:r>
        <w:t>Tickets and posters. Nigel</w:t>
      </w:r>
    </w:p>
    <w:p w14:paraId="53C8339A" w14:textId="5D9CE2F9" w:rsidR="00D87522" w:rsidRDefault="00D87522" w:rsidP="00DE77BD">
      <w:r>
        <w:t>Costumes Jenny</w:t>
      </w:r>
    </w:p>
    <w:p w14:paraId="66BC4DA9" w14:textId="2EDDC44C" w:rsidR="00D87522" w:rsidRDefault="00D87522" w:rsidP="00DE77BD">
      <w:pPr>
        <w:rPr>
          <w:b/>
          <w:bCs/>
        </w:rPr>
      </w:pPr>
      <w:r w:rsidRPr="00D87522">
        <w:rPr>
          <w:b/>
          <w:bCs/>
        </w:rPr>
        <w:t>Future productions</w:t>
      </w:r>
    </w:p>
    <w:p w14:paraId="0CC07114" w14:textId="470F5AD9" w:rsidR="00D87522" w:rsidRPr="00D87522" w:rsidRDefault="00D87522" w:rsidP="00DE77BD">
      <w:r w:rsidRPr="00D87522">
        <w:t>Nov Daisy has in hand</w:t>
      </w:r>
    </w:p>
    <w:p w14:paraId="331D0189" w14:textId="26C6A347" w:rsidR="00D87522" w:rsidRPr="00D87522" w:rsidRDefault="00D87522" w:rsidP="00DE77BD">
      <w:r w:rsidRPr="00D87522">
        <w:t>Feb, Val will approach Lynn about Pant</w:t>
      </w:r>
      <w:r w:rsidR="00321B54">
        <w:t>o</w:t>
      </w:r>
    </w:p>
    <w:p w14:paraId="7B2D9EA1" w14:textId="6B2A4237" w:rsidR="00D87522" w:rsidRDefault="00D87522" w:rsidP="00DE77BD">
      <w:r w:rsidRPr="00D87522">
        <w:t>May Amanda is doing</w:t>
      </w:r>
    </w:p>
    <w:p w14:paraId="4F3B18DD" w14:textId="1F1B87DF" w:rsidR="00D87522" w:rsidRDefault="00D87522" w:rsidP="00DE77BD">
      <w:pPr>
        <w:rPr>
          <w:b/>
          <w:bCs/>
        </w:rPr>
      </w:pPr>
      <w:r w:rsidRPr="00D87522">
        <w:rPr>
          <w:b/>
          <w:bCs/>
        </w:rPr>
        <w:t>Social Media</w:t>
      </w:r>
    </w:p>
    <w:p w14:paraId="7E3828F6" w14:textId="19E09B95" w:rsidR="00D87522" w:rsidRDefault="00D87522" w:rsidP="00DE77BD">
      <w:r w:rsidRPr="00D87522">
        <w:t>Tessa has said no. Daisy agrees to set up a facebook page</w:t>
      </w:r>
      <w:r>
        <w:t xml:space="preserve"> for SGF</w:t>
      </w:r>
    </w:p>
    <w:p w14:paraId="58BD5E2C" w14:textId="6C67AAFF" w:rsidR="00D87522" w:rsidRDefault="00D87522" w:rsidP="00DE77BD">
      <w:r>
        <w:t xml:space="preserve">Nigel agrees to update the personal space on our website so the committee can </w:t>
      </w:r>
      <w:r w:rsidR="00321B54">
        <w:t>access</w:t>
      </w:r>
      <w:r>
        <w:t xml:space="preserve"> documents</w:t>
      </w:r>
    </w:p>
    <w:p w14:paraId="6C1D764E" w14:textId="37B9736C" w:rsidR="00D87522" w:rsidRDefault="00D87522" w:rsidP="00DE77BD">
      <w:pPr>
        <w:rPr>
          <w:b/>
          <w:bCs/>
        </w:rPr>
      </w:pPr>
      <w:r w:rsidRPr="00D87522">
        <w:rPr>
          <w:b/>
          <w:bCs/>
        </w:rPr>
        <w:t>Accounts</w:t>
      </w:r>
    </w:p>
    <w:p w14:paraId="608DD95D" w14:textId="2D02C85C" w:rsidR="00D87522" w:rsidRPr="009C750C" w:rsidRDefault="00D87522" w:rsidP="00DE77BD">
      <w:r w:rsidRPr="009C750C">
        <w:t>Jayne reports that things are looking good.</w:t>
      </w:r>
    </w:p>
    <w:p w14:paraId="5ECD4F01" w14:textId="0D976596" w:rsidR="009C750C" w:rsidRPr="009C750C" w:rsidRDefault="009C750C" w:rsidP="00DE77BD">
      <w:r w:rsidRPr="009C750C">
        <w:t>No hall fees for several months has helped</w:t>
      </w:r>
    </w:p>
    <w:p w14:paraId="0420F513" w14:textId="136EE511" w:rsidR="009C750C" w:rsidRPr="009C750C" w:rsidRDefault="009C750C" w:rsidP="00DE77BD">
      <w:r w:rsidRPr="009C750C">
        <w:t>Daisy will get a quote for the shed roof to be fixed.</w:t>
      </w:r>
    </w:p>
    <w:p w14:paraId="20568423" w14:textId="0FA724D4" w:rsidR="009C750C" w:rsidRDefault="009C750C" w:rsidP="00DE77BD">
      <w:r w:rsidRPr="009C750C">
        <w:t xml:space="preserve">Agreed Nigel will get a new </w:t>
      </w:r>
      <w:r w:rsidR="00321B54" w:rsidRPr="009C750C">
        <w:t>better-quality</w:t>
      </w:r>
      <w:r w:rsidRPr="009C750C">
        <w:t xml:space="preserve"> intercom</w:t>
      </w:r>
    </w:p>
    <w:p w14:paraId="0A8C85A7" w14:textId="5D785DEB" w:rsidR="009C750C" w:rsidRDefault="009C750C" w:rsidP="00DE77BD">
      <w:r>
        <w:t>Costs discussed as follows</w:t>
      </w:r>
    </w:p>
    <w:p w14:paraId="6DB7EF1D" w14:textId="389844AC" w:rsidR="009C750C" w:rsidRDefault="009C750C" w:rsidP="009C750C">
      <w:pPr>
        <w:pStyle w:val="ListParagraph"/>
        <w:numPr>
          <w:ilvl w:val="0"/>
          <w:numId w:val="2"/>
        </w:numPr>
      </w:pPr>
      <w:r>
        <w:t>£200 for booklet being held</w:t>
      </w:r>
    </w:p>
    <w:p w14:paraId="7C355B21" w14:textId="689FBA98" w:rsidR="009C750C" w:rsidRDefault="009C750C" w:rsidP="009C750C">
      <w:pPr>
        <w:pStyle w:val="ListParagraph"/>
        <w:numPr>
          <w:ilvl w:val="0"/>
          <w:numId w:val="2"/>
        </w:numPr>
      </w:pPr>
      <w:r>
        <w:lastRenderedPageBreak/>
        <w:t>New backdrop</w:t>
      </w:r>
    </w:p>
    <w:p w14:paraId="52C64F28" w14:textId="0F40B3CC" w:rsidR="009C750C" w:rsidRDefault="009C750C" w:rsidP="009C750C">
      <w:pPr>
        <w:pStyle w:val="ListParagraph"/>
        <w:numPr>
          <w:ilvl w:val="0"/>
          <w:numId w:val="2"/>
        </w:numPr>
      </w:pPr>
      <w:r>
        <w:t>No charity donation</w:t>
      </w:r>
    </w:p>
    <w:p w14:paraId="403E471E" w14:textId="6F1B3AB9" w:rsidR="009C750C" w:rsidRDefault="009C750C" w:rsidP="009C750C">
      <w:pPr>
        <w:pStyle w:val="ListParagraph"/>
        <w:numPr>
          <w:ilvl w:val="0"/>
          <w:numId w:val="2"/>
        </w:numPr>
      </w:pPr>
      <w:r>
        <w:t>Shed roof</w:t>
      </w:r>
    </w:p>
    <w:p w14:paraId="02A8B755" w14:textId="41C09CE3" w:rsidR="009C750C" w:rsidRDefault="009C750C" w:rsidP="009C750C">
      <w:pPr>
        <w:pStyle w:val="ListParagraph"/>
        <w:numPr>
          <w:ilvl w:val="0"/>
          <w:numId w:val="2"/>
        </w:numPr>
      </w:pPr>
      <w:r>
        <w:t>New intercom</w:t>
      </w:r>
    </w:p>
    <w:p w14:paraId="7F06D067" w14:textId="2CAA8D42" w:rsidR="009C750C" w:rsidRDefault="009C750C" w:rsidP="009C750C">
      <w:r>
        <w:t>A reserve of 2-2.5k . Jayne explains the assumptions and SR agree to meet with Jayne separately to read through the accounts and ask some questions.</w:t>
      </w:r>
    </w:p>
    <w:p w14:paraId="25F9F791" w14:textId="207928DA" w:rsidR="009C750C" w:rsidRDefault="009C750C" w:rsidP="009C750C">
      <w:r>
        <w:t xml:space="preserve">Once they have </w:t>
      </w:r>
      <w:r w:rsidR="00321B54">
        <w:t>met</w:t>
      </w:r>
      <w:r>
        <w:t xml:space="preserve"> a report will be provided to the committee.</w:t>
      </w:r>
    </w:p>
    <w:p w14:paraId="3008BE1E" w14:textId="7859A952" w:rsidR="009C750C" w:rsidRPr="009C750C" w:rsidRDefault="009C750C" w:rsidP="009C750C">
      <w:pPr>
        <w:rPr>
          <w:b/>
          <w:bCs/>
        </w:rPr>
      </w:pPr>
      <w:r w:rsidRPr="009C750C">
        <w:rPr>
          <w:b/>
          <w:bCs/>
        </w:rPr>
        <w:t>Membership</w:t>
      </w:r>
    </w:p>
    <w:p w14:paraId="22C19BE3" w14:textId="0E7D422D" w:rsidR="009C750C" w:rsidRDefault="009C750C" w:rsidP="009C750C">
      <w:r>
        <w:t>We have five new possible members. Val has approached them</w:t>
      </w:r>
    </w:p>
    <w:p w14:paraId="766072B7" w14:textId="3B48D775" w:rsidR="009C750C" w:rsidRPr="009C750C" w:rsidRDefault="009C750C" w:rsidP="009C750C">
      <w:pPr>
        <w:rPr>
          <w:b/>
          <w:bCs/>
        </w:rPr>
      </w:pPr>
      <w:r w:rsidRPr="009C750C">
        <w:rPr>
          <w:b/>
          <w:bCs/>
        </w:rPr>
        <w:t>Trustees</w:t>
      </w:r>
    </w:p>
    <w:p w14:paraId="747E7F83" w14:textId="6BF26534" w:rsidR="009C750C" w:rsidRDefault="009C750C" w:rsidP="009C750C">
      <w:r>
        <w:t>Committee agrees that only committee members should be trustee. We will need to inform others and have them removed. They can always be reinstated. ( Not sure who is doing this?)</w:t>
      </w:r>
    </w:p>
    <w:p w14:paraId="4D217CC4" w14:textId="3AE85CAD" w:rsidR="009C750C" w:rsidRPr="009C750C" w:rsidRDefault="009C750C" w:rsidP="009C750C">
      <w:pPr>
        <w:rPr>
          <w:b/>
          <w:bCs/>
        </w:rPr>
      </w:pPr>
      <w:r w:rsidRPr="009C750C">
        <w:rPr>
          <w:b/>
          <w:bCs/>
        </w:rPr>
        <w:t>Policies</w:t>
      </w:r>
    </w:p>
    <w:p w14:paraId="7F3819BB" w14:textId="59149B62" w:rsidR="009C750C" w:rsidRDefault="009C750C" w:rsidP="009C750C">
      <w:r>
        <w:t xml:space="preserve">We have child and VA policy. Nigel has Risk ass for rehearsals and </w:t>
      </w:r>
      <w:r w:rsidR="00321B54">
        <w:t>maintenance</w:t>
      </w:r>
      <w:r>
        <w:t>. Agree Nigel will look at a performance risk assessment.</w:t>
      </w:r>
    </w:p>
    <w:p w14:paraId="1FFBAA15" w14:textId="3A5A137E" w:rsidR="009C750C" w:rsidRDefault="009C750C" w:rsidP="009C750C">
      <w:r>
        <w:t>Jayne may have a social media policy we could adopt.</w:t>
      </w:r>
    </w:p>
    <w:p w14:paraId="154F8390" w14:textId="061F6F8B" w:rsidR="009C750C" w:rsidRPr="009C750C" w:rsidRDefault="009C750C" w:rsidP="009C750C">
      <w:r>
        <w:t xml:space="preserve"> </w:t>
      </w:r>
    </w:p>
    <w:p w14:paraId="1DC0FE6A" w14:textId="77777777" w:rsidR="0042408E" w:rsidRDefault="0042408E" w:rsidP="00DE77BD"/>
    <w:sectPr w:rsidR="0042408E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6" w:h="16838"/>
      <w:pgMar w:top="1440" w:right="1440" w:bottom="1440" w:left="1440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063D163" w14:textId="77777777" w:rsidR="00C37BB1" w:rsidRDefault="00C37BB1" w:rsidP="00C37BB1">
      <w:pPr>
        <w:spacing w:after="0" w:line="240" w:lineRule="auto"/>
      </w:pPr>
      <w:r>
        <w:separator/>
      </w:r>
    </w:p>
  </w:endnote>
  <w:endnote w:type="continuationSeparator" w:id="0">
    <w:p w14:paraId="4C466B39" w14:textId="77777777" w:rsidR="00C37BB1" w:rsidRDefault="00C37BB1" w:rsidP="00C37BB1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1E5E484" w14:textId="77777777" w:rsidR="00C37BB1" w:rsidRDefault="00C37BB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0E23CDF" w14:textId="01E6F0C8" w:rsidR="00C37BB1" w:rsidRDefault="00C37BB1">
    <w:pPr>
      <w:pStyle w:val="Footer"/>
    </w:pPr>
  </w:p>
  <w:p w14:paraId="13AFE6C6" w14:textId="3B7367CB" w:rsidR="00C37BB1" w:rsidRDefault="00751249" w:rsidP="00C37BB1">
    <w:pPr>
      <w:pStyle w:val="Footer"/>
    </w:pPr>
    <w:fldSimple w:instr=" DOCPROPERTY iManageFooter \* MERGEFORMAT ">
      <w:r w:rsidR="00D43769">
        <w:t>26989846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945E00" w14:textId="77777777" w:rsidR="00C37BB1" w:rsidRDefault="00C37BB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3DC50DB" w14:textId="77777777" w:rsidR="00C37BB1" w:rsidRDefault="00C37BB1" w:rsidP="00C37BB1">
      <w:pPr>
        <w:spacing w:after="0" w:line="240" w:lineRule="auto"/>
      </w:pPr>
      <w:r>
        <w:separator/>
      </w:r>
    </w:p>
  </w:footnote>
  <w:footnote w:type="continuationSeparator" w:id="0">
    <w:p w14:paraId="6EF01575" w14:textId="77777777" w:rsidR="00C37BB1" w:rsidRDefault="00C37BB1" w:rsidP="00C37BB1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59A916D" w14:textId="77777777" w:rsidR="00C37BB1" w:rsidRDefault="00C37BB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BCFC9B9" w14:textId="77777777" w:rsidR="00C37BB1" w:rsidRDefault="00C37BB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D86E300" w14:textId="77777777" w:rsidR="00C37BB1" w:rsidRDefault="00C37BB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20066B7"/>
    <w:multiLevelType w:val="hybridMultilevel"/>
    <w:tmpl w:val="8F1837B6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445C424F"/>
    <w:multiLevelType w:val="hybridMultilevel"/>
    <w:tmpl w:val="2FDC8B12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E77BD"/>
    <w:rsid w:val="001163AB"/>
    <w:rsid w:val="00321B54"/>
    <w:rsid w:val="0042408E"/>
    <w:rsid w:val="00751249"/>
    <w:rsid w:val="007738E5"/>
    <w:rsid w:val="009C750C"/>
    <w:rsid w:val="00A61492"/>
    <w:rsid w:val="00A83748"/>
    <w:rsid w:val="00AF6042"/>
    <w:rsid w:val="00C37BB1"/>
    <w:rsid w:val="00CB069D"/>
    <w:rsid w:val="00D43769"/>
    <w:rsid w:val="00D87522"/>
    <w:rsid w:val="00DE77BD"/>
    <w:rsid w:val="00E234D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4A8698A0"/>
  <w15:chartTrackingRefBased/>
  <w15:docId w15:val="{8603A124-CA63-44DC-9220-0D5AE21078F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GB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DE77BD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C37BB1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C37BB1"/>
  </w:style>
  <w:style w:type="paragraph" w:styleId="Footer">
    <w:name w:val="footer"/>
    <w:basedOn w:val="Normal"/>
    <w:link w:val="FooterChar"/>
    <w:uiPriority w:val="99"/>
    <w:unhideWhenUsed/>
    <w:rsid w:val="00C37BB1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C37BB1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A C T I V E ! 2 6 9 8 9 8 4 6 . 1 < / d o c u m e n t i d >  
     < s e n d e r i d > R I C H A R D S O N S < / s e n d e r i d >  
     < s e n d e r e m a i l > S A R A H . R I C H A R D S O N @ R U S S E L L - C O O K E . C O . U K < / s e n d e r e m a i l >  
     < l a s t m o d i f i e d > 2 0 2 5 - 0 7 - 3 0 T 1 0 : 3 7 : 0 0 . 0 0 0 0 0 0 0 + 0 1 : 0 0 < / l a s t m o d i f i e d >  
     < d a t a b a s e > A C T I V E < / d a t a b a s e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2</Pages>
  <Words>274</Words>
  <Characters>1564</Characters>
  <Application>Microsoft Office Word</Application>
  <DocSecurity>0</DocSecurity>
  <Lines>13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Russell-Cooke</Company>
  <LinksUpToDate>false</LinksUpToDate>
  <CharactersWithSpaces>183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Sarah Richardson</dc:creator>
  <cp:keywords/>
  <dc:description/>
  <cp:lastModifiedBy>Sarah Richardson</cp:lastModifiedBy>
  <cp:revision>4</cp:revision>
  <dcterms:created xsi:type="dcterms:W3CDTF">2025-07-30T09:37:00Z</dcterms:created>
  <dcterms:modified xsi:type="dcterms:W3CDTF">2025-07-30T09:3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26989846v1</vt:lpwstr>
  </property>
</Properties>
</file>